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655EC6C1-D2E7-444E-8060-485BEE332ADA}" xr6:coauthVersionLast="36" xr6:coauthVersionMax="47" xr10:uidLastSave="{00000000-0000-0000-0000-000000000000}"/>
  <bookViews>
    <workbookView xWindow="2460" yWindow="2115" windowWidth="23670" windowHeight="12750" xr2:uid="{00000000-000D-0000-FFFF-FFFF00000000}"/>
  </bookViews>
  <sheets>
    <sheet name="StayingCorrect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113031" uniqueCount="127">
  <si>
    <t xml:space="preserve">田中                           </t>
  </si>
  <si>
    <t xml:space="preserve">水野                           </t>
  </si>
  <si>
    <t xml:space="preserve">店長                           </t>
  </si>
  <si>
    <t xml:space="preserve">安井                           </t>
  </si>
  <si>
    <t xml:space="preserve">堀田                           </t>
  </si>
  <si>
    <t xml:space="preserve">杉山                           </t>
  </si>
  <si>
    <t xml:space="preserve">平松                           </t>
  </si>
  <si>
    <t xml:space="preserve">武藤                           </t>
  </si>
  <si>
    <t xml:space="preserve">本田                           </t>
  </si>
  <si>
    <t xml:space="preserve">渡辺                           </t>
  </si>
  <si>
    <t xml:space="preserve">中村                           </t>
  </si>
  <si>
    <t xml:space="preserve">三宅                           </t>
  </si>
  <si>
    <t xml:space="preserve">山田                           </t>
  </si>
  <si>
    <t xml:space="preserve">                               </t>
  </si>
  <si>
    <t xml:space="preserve">幸田                           </t>
  </si>
  <si>
    <t xml:space="preserve">マネージャー                   </t>
  </si>
  <si>
    <t xml:space="preserve">岩城                           </t>
  </si>
  <si>
    <t xml:space="preserve">高山                           </t>
  </si>
  <si>
    <t xml:space="preserve">中山                           </t>
  </si>
  <si>
    <t xml:space="preserve">中本                           </t>
  </si>
  <si>
    <t xml:space="preserve">郡山                           </t>
  </si>
  <si>
    <t xml:space="preserve">佐々木                         </t>
  </si>
  <si>
    <t xml:space="preserve">岡崎                           </t>
  </si>
  <si>
    <t xml:space="preserve">市場                           </t>
  </si>
  <si>
    <t xml:space="preserve">齋藤                           </t>
  </si>
  <si>
    <t xml:space="preserve">想人                           </t>
  </si>
  <si>
    <t xml:space="preserve">山下                           </t>
  </si>
  <si>
    <t xml:space="preserve">越野                           </t>
  </si>
  <si>
    <t xml:space="preserve">磯貝                           </t>
  </si>
  <si>
    <t xml:space="preserve">長谷川                         </t>
  </si>
  <si>
    <t xml:space="preserve">犬丸                           </t>
  </si>
  <si>
    <t xml:space="preserve">山口                           </t>
  </si>
  <si>
    <t xml:space="preserve">社員                           </t>
  </si>
  <si>
    <t xml:space="preserve">上田                           </t>
  </si>
  <si>
    <t xml:space="preserve">優河                           </t>
  </si>
  <si>
    <t xml:space="preserve">神戸                           </t>
  </si>
  <si>
    <t xml:space="preserve">美濃部                         </t>
  </si>
  <si>
    <t xml:space="preserve">今井                           </t>
  </si>
  <si>
    <t xml:space="preserve">新島                           </t>
  </si>
  <si>
    <t xml:space="preserve">折原                           </t>
  </si>
  <si>
    <t xml:space="preserve">藤井                           </t>
  </si>
  <si>
    <t xml:space="preserve">清籐                           </t>
  </si>
  <si>
    <t xml:space="preserve">清藤                           </t>
  </si>
  <si>
    <t xml:space="preserve">鈴木                           </t>
  </si>
  <si>
    <t xml:space="preserve">伊藤　仁                       </t>
  </si>
  <si>
    <t xml:space="preserve">加藤                           </t>
  </si>
  <si>
    <t xml:space="preserve">永田                           </t>
  </si>
  <si>
    <t xml:space="preserve">上原                           </t>
  </si>
  <si>
    <t xml:space="preserve">水口                           </t>
  </si>
  <si>
    <t xml:space="preserve">伊藤　美                       </t>
  </si>
  <si>
    <t xml:space="preserve">広中                           </t>
  </si>
  <si>
    <t xml:space="preserve">廣中                           </t>
  </si>
  <si>
    <t xml:space="preserve">新島　右史                     </t>
  </si>
  <si>
    <t xml:space="preserve">藤澤                           </t>
  </si>
  <si>
    <t xml:space="preserve">尾村                           </t>
  </si>
  <si>
    <t xml:space="preserve">嶋崎                           </t>
  </si>
  <si>
    <t xml:space="preserve">近藤                           </t>
  </si>
  <si>
    <t xml:space="preserve">刀根                           </t>
  </si>
  <si>
    <t xml:space="preserve">清水                           </t>
  </si>
  <si>
    <t xml:space="preserve">社員　鈴木                     </t>
  </si>
  <si>
    <t xml:space="preserve">志治                           </t>
  </si>
  <si>
    <t xml:space="preserve">岡坂                           </t>
  </si>
  <si>
    <t xml:space="preserve">安形                           </t>
  </si>
  <si>
    <t xml:space="preserve">社員　安形                     </t>
  </si>
  <si>
    <t xml:space="preserve">古里                           </t>
  </si>
  <si>
    <t xml:space="preserve">安田                           </t>
  </si>
  <si>
    <t xml:space="preserve">掛布                           </t>
  </si>
  <si>
    <t xml:space="preserve">市村                           </t>
  </si>
  <si>
    <t xml:space="preserve">森                             </t>
  </si>
  <si>
    <t xml:space="preserve">折田                           </t>
  </si>
  <si>
    <t xml:space="preserve">遠山                           </t>
  </si>
  <si>
    <t xml:space="preserve">村田                           </t>
  </si>
  <si>
    <t xml:space="preserve">東                             </t>
  </si>
  <si>
    <t xml:space="preserve">山本                           </t>
  </si>
  <si>
    <t xml:space="preserve">平出                           </t>
  </si>
  <si>
    <t xml:space="preserve">安楽                           </t>
  </si>
  <si>
    <t xml:space="preserve">東田                           </t>
  </si>
  <si>
    <t xml:space="preserve">倉橋                           </t>
  </si>
  <si>
    <t xml:space="preserve">河合忠                         </t>
  </si>
  <si>
    <t xml:space="preserve">河合彪                         </t>
  </si>
  <si>
    <t xml:space="preserve">石原                           </t>
  </si>
  <si>
    <t xml:space="preserve">瀬尾                           </t>
  </si>
  <si>
    <t xml:space="preserve">細見                           </t>
  </si>
  <si>
    <t xml:space="preserve">大山                           </t>
  </si>
  <si>
    <t xml:space="preserve">大橋                           </t>
  </si>
  <si>
    <t xml:space="preserve">川澄                           </t>
  </si>
  <si>
    <t xml:space="preserve">太田                           </t>
  </si>
  <si>
    <t xml:space="preserve">藤原                           </t>
  </si>
  <si>
    <t xml:space="preserve">野村                           </t>
  </si>
  <si>
    <t xml:space="preserve">松永                           </t>
  </si>
  <si>
    <t xml:space="preserve">徳泉                           </t>
  </si>
  <si>
    <t xml:space="preserve">西森                           </t>
  </si>
  <si>
    <t xml:space="preserve">西川                           </t>
  </si>
  <si>
    <t xml:space="preserve">郷野                           </t>
  </si>
  <si>
    <t xml:space="preserve">宮下                           </t>
  </si>
  <si>
    <t xml:space="preserve">水谷                           </t>
  </si>
  <si>
    <t xml:space="preserve">柴田                           </t>
  </si>
  <si>
    <t xml:space="preserve">前田                           </t>
  </si>
  <si>
    <t xml:space="preserve">三戸                           </t>
  </si>
  <si>
    <t xml:space="preserve">下苧坪                         </t>
  </si>
  <si>
    <t xml:space="preserve">二瀬                           </t>
  </si>
  <si>
    <t xml:space="preserve">神尾                           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\r\n</t>
  </si>
  <si>
    <t>Japanese_CI_AS</t>
  </si>
  <si>
    <t>ID</t>
  </si>
  <si>
    <t>BusinessID</t>
  </si>
  <si>
    <t>BusinessDay</t>
  </si>
  <si>
    <t>PlaceID</t>
  </si>
  <si>
    <t>SuuChange</t>
  </si>
  <si>
    <t>TimeChange</t>
  </si>
  <si>
    <t>Syubetu</t>
  </si>
  <si>
    <t>Suu1</t>
  </si>
  <si>
    <t>Suu2</t>
  </si>
  <si>
    <t>InTime1</t>
  </si>
  <si>
    <t>InTime2</t>
  </si>
  <si>
    <t>OutTime1</t>
  </si>
  <si>
    <t>OutTime2</t>
  </si>
  <si>
    <t>RealTime</t>
  </si>
  <si>
    <t>EmployeeID</t>
  </si>
  <si>
    <t>Employe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22" fontId="0" fillId="0" borderId="0" xfId="0" applyNumberFormat="1">
      <alignment vertical="center"/>
    </xf>
    <xf numFmtId="49" fontId="0" fillId="0" borderId="0" xfId="0" applyNumberFormat="1">
      <alignment vertical="center"/>
    </xf>
    <xf numFmtId="49" fontId="0" fillId="33" borderId="10" xfId="0" applyNumberFormat="1" applyFont="1" applyFill="1" applyBorder="1">
      <alignment vertical="center"/>
    </xf>
    <xf numFmtId="49" fontId="0" fillId="0" borderId="10" xfId="0" applyNumberFormat="1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テーブル1" displayName="テーブル1" ref="A1:F33" totalsRowShown="0">
  <autoFilter ref="A1:F33" xr:uid="{00000000-0009-0000-0100-000001000000}"/>
  <tableColumns count="6">
    <tableColumn id="1" xr3:uid="{00000000-0010-0000-0000-000001000000}" name="ID"/>
    <tableColumn id="2" xr3:uid="{00000000-0010-0000-0000-000002000000}" name="TERMINATOR"/>
    <tableColumn id="3" xr3:uid="{00000000-0010-0000-0000-000003000000}" name="MAX_LENGTH"/>
    <tableColumn id="4" xr3:uid="{00000000-0010-0000-0000-000004000000}" name="COLLATION"/>
    <tableColumn id="5" xr3:uid="{00000000-0010-0000-0000-000005000000}" name="SOURCE"/>
    <tableColumn id="6" xr3:uid="{00000000-0010-0000-0000-000006000000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P51"/>
  <sheetViews>
    <sheetView topLeftCell="A28" workbookViewId="0">
      <selection activeCell="A36" sqref="A36:Q36"/>
    </sheetView>
  </sheetViews>
  <sheetFormatPr defaultRowHeight="18.75" x14ac:dyDescent="0.4"/>
  <sheetData>
    <row r="1" spans="1:6" x14ac:dyDescent="0.4">
      <c r="A1" t="s">
        <v>102</v>
      </c>
      <c r="B1" t="s">
        <v>103</v>
      </c>
      <c r="C1" t="s">
        <v>104</v>
      </c>
      <c r="D1" t="s">
        <v>105</v>
      </c>
      <c r="E1" t="s">
        <v>106</v>
      </c>
      <c r="F1" t="s">
        <v>107</v>
      </c>
    </row>
    <row r="2" spans="1:6" x14ac:dyDescent="0.4">
      <c r="A2">
        <v>1</v>
      </c>
      <c r="B2" s="2" t="s">
        <v>108</v>
      </c>
      <c r="C2">
        <v>12</v>
      </c>
      <c r="D2" s="2"/>
      <c r="F2" s="2"/>
    </row>
    <row r="3" spans="1:6" x14ac:dyDescent="0.4">
      <c r="A3">
        <v>2</v>
      </c>
      <c r="B3" s="2" t="s">
        <v>108</v>
      </c>
      <c r="C3">
        <v>12</v>
      </c>
      <c r="D3" s="2"/>
      <c r="F3" s="2"/>
    </row>
    <row r="4" spans="1:6" x14ac:dyDescent="0.4">
      <c r="A4">
        <v>3</v>
      </c>
      <c r="B4" s="2" t="s">
        <v>108</v>
      </c>
      <c r="C4">
        <v>24</v>
      </c>
      <c r="D4" s="2"/>
      <c r="F4" s="2"/>
    </row>
    <row r="5" spans="1:6" x14ac:dyDescent="0.4">
      <c r="A5">
        <v>4</v>
      </c>
      <c r="B5" s="2" t="s">
        <v>108</v>
      </c>
      <c r="C5">
        <v>12</v>
      </c>
      <c r="D5" s="2"/>
      <c r="F5" s="2"/>
    </row>
    <row r="6" spans="1:6" x14ac:dyDescent="0.4">
      <c r="A6">
        <v>5</v>
      </c>
      <c r="B6" s="2" t="s">
        <v>108</v>
      </c>
      <c r="C6">
        <v>12</v>
      </c>
      <c r="D6" s="2"/>
      <c r="F6" s="2"/>
    </row>
    <row r="7" spans="1:6" x14ac:dyDescent="0.4">
      <c r="A7">
        <v>6</v>
      </c>
      <c r="B7" s="2" t="s">
        <v>108</v>
      </c>
      <c r="C7">
        <v>12</v>
      </c>
      <c r="D7" s="2"/>
      <c r="F7" s="2"/>
    </row>
    <row r="8" spans="1:6" x14ac:dyDescent="0.4">
      <c r="A8">
        <v>7</v>
      </c>
      <c r="B8" s="2" t="s">
        <v>108</v>
      </c>
      <c r="C8">
        <v>12</v>
      </c>
      <c r="D8" s="2"/>
      <c r="F8" s="2"/>
    </row>
    <row r="9" spans="1:6" x14ac:dyDescent="0.4">
      <c r="A9">
        <v>8</v>
      </c>
      <c r="B9" s="2" t="s">
        <v>108</v>
      </c>
      <c r="C9">
        <v>12</v>
      </c>
      <c r="D9" s="2"/>
      <c r="F9" s="2"/>
    </row>
    <row r="10" spans="1:6" x14ac:dyDescent="0.4">
      <c r="A10">
        <v>9</v>
      </c>
      <c r="B10" s="2" t="s">
        <v>108</v>
      </c>
      <c r="C10">
        <v>12</v>
      </c>
      <c r="D10" s="2"/>
      <c r="F10" s="2"/>
    </row>
    <row r="11" spans="1:6" x14ac:dyDescent="0.4">
      <c r="A11">
        <v>10</v>
      </c>
      <c r="B11" s="2" t="s">
        <v>108</v>
      </c>
      <c r="C11">
        <v>24</v>
      </c>
      <c r="D11" s="2"/>
      <c r="F11" s="2"/>
    </row>
    <row r="12" spans="1:6" x14ac:dyDescent="0.4">
      <c r="A12">
        <v>11</v>
      </c>
      <c r="B12" s="2" t="s">
        <v>108</v>
      </c>
      <c r="C12">
        <v>24</v>
      </c>
      <c r="D12" s="2"/>
      <c r="F12" s="2"/>
    </row>
    <row r="13" spans="1:6" x14ac:dyDescent="0.4">
      <c r="A13">
        <v>12</v>
      </c>
      <c r="B13" s="2" t="s">
        <v>108</v>
      </c>
      <c r="C13">
        <v>24</v>
      </c>
      <c r="D13" s="2"/>
      <c r="F13" s="2"/>
    </row>
    <row r="14" spans="1:6" x14ac:dyDescent="0.4">
      <c r="A14">
        <v>13</v>
      </c>
      <c r="B14" s="2" t="s">
        <v>108</v>
      </c>
      <c r="C14">
        <v>24</v>
      </c>
      <c r="D14" s="2"/>
      <c r="F14" s="2"/>
    </row>
    <row r="15" spans="1:6" x14ac:dyDescent="0.4">
      <c r="A15">
        <v>14</v>
      </c>
      <c r="B15" s="2" t="s">
        <v>108</v>
      </c>
      <c r="C15">
        <v>24</v>
      </c>
      <c r="D15" s="2"/>
      <c r="F15" s="2"/>
    </row>
    <row r="16" spans="1:6" x14ac:dyDescent="0.4">
      <c r="A16">
        <v>15</v>
      </c>
      <c r="B16" s="2" t="s">
        <v>108</v>
      </c>
      <c r="C16">
        <v>12</v>
      </c>
      <c r="D16" s="2"/>
      <c r="F16" s="2"/>
    </row>
    <row r="17" spans="1:6" x14ac:dyDescent="0.4">
      <c r="A17">
        <v>16</v>
      </c>
      <c r="B17" s="2" t="s">
        <v>109</v>
      </c>
      <c r="C17">
        <v>31</v>
      </c>
      <c r="D17" s="2" t="s">
        <v>110</v>
      </c>
      <c r="F17" s="2"/>
    </row>
    <row r="18" spans="1:6" x14ac:dyDescent="0.4">
      <c r="B18" s="2"/>
      <c r="D18" s="2"/>
      <c r="E18">
        <v>1</v>
      </c>
      <c r="F18" s="2" t="s">
        <v>111</v>
      </c>
    </row>
    <row r="19" spans="1:6" x14ac:dyDescent="0.4">
      <c r="B19" s="2"/>
      <c r="D19" s="2"/>
      <c r="E19">
        <v>2</v>
      </c>
      <c r="F19" s="2" t="s">
        <v>112</v>
      </c>
    </row>
    <row r="20" spans="1:6" x14ac:dyDescent="0.4">
      <c r="B20" s="2"/>
      <c r="D20" s="2"/>
      <c r="E20">
        <v>3</v>
      </c>
      <c r="F20" s="2" t="s">
        <v>113</v>
      </c>
    </row>
    <row r="21" spans="1:6" x14ac:dyDescent="0.4">
      <c r="B21" s="2"/>
      <c r="D21" s="2"/>
      <c r="E21">
        <v>4</v>
      </c>
      <c r="F21" s="2" t="s">
        <v>114</v>
      </c>
    </row>
    <row r="22" spans="1:6" x14ac:dyDescent="0.4">
      <c r="B22" s="2"/>
      <c r="D22" s="2"/>
      <c r="E22">
        <v>5</v>
      </c>
      <c r="F22" s="2" t="s">
        <v>115</v>
      </c>
    </row>
    <row r="23" spans="1:6" x14ac:dyDescent="0.4">
      <c r="B23" s="2"/>
      <c r="D23" s="2"/>
      <c r="E23">
        <v>6</v>
      </c>
      <c r="F23" s="2" t="s">
        <v>116</v>
      </c>
    </row>
    <row r="24" spans="1:6" x14ac:dyDescent="0.4">
      <c r="B24" s="2"/>
      <c r="D24" s="2"/>
      <c r="E24">
        <v>7</v>
      </c>
      <c r="F24" s="2" t="s">
        <v>117</v>
      </c>
    </row>
    <row r="25" spans="1:6" x14ac:dyDescent="0.4">
      <c r="B25" s="2"/>
      <c r="D25" s="2"/>
      <c r="E25">
        <v>8</v>
      </c>
      <c r="F25" s="2" t="s">
        <v>118</v>
      </c>
    </row>
    <row r="26" spans="1:6" x14ac:dyDescent="0.4">
      <c r="B26" s="2"/>
      <c r="D26" s="2"/>
      <c r="E26">
        <v>9</v>
      </c>
      <c r="F26" s="2" t="s">
        <v>119</v>
      </c>
    </row>
    <row r="27" spans="1:6" x14ac:dyDescent="0.4">
      <c r="B27" s="2"/>
      <c r="D27" s="2"/>
      <c r="E27">
        <v>10</v>
      </c>
      <c r="F27" s="2" t="s">
        <v>120</v>
      </c>
    </row>
    <row r="28" spans="1:6" x14ac:dyDescent="0.4">
      <c r="B28" s="2"/>
      <c r="D28" s="2"/>
      <c r="E28">
        <v>11</v>
      </c>
      <c r="F28" s="2" t="s">
        <v>121</v>
      </c>
    </row>
    <row r="29" spans="1:6" x14ac:dyDescent="0.4">
      <c r="B29" s="2"/>
      <c r="D29" s="2"/>
      <c r="E29">
        <v>12</v>
      </c>
      <c r="F29" s="2" t="s">
        <v>122</v>
      </c>
    </row>
    <row r="30" spans="1:6" x14ac:dyDescent="0.4">
      <c r="B30" s="2"/>
      <c r="D30" s="2"/>
      <c r="E30">
        <v>13</v>
      </c>
      <c r="F30" s="2" t="s">
        <v>123</v>
      </c>
    </row>
    <row r="31" spans="1:6" x14ac:dyDescent="0.4">
      <c r="B31" s="2"/>
      <c r="D31" s="2"/>
      <c r="E31">
        <v>14</v>
      </c>
      <c r="F31" s="2" t="s">
        <v>124</v>
      </c>
    </row>
    <row r="32" spans="1:6" x14ac:dyDescent="0.4">
      <c r="B32" s="2"/>
      <c r="D32" s="2"/>
      <c r="E32">
        <v>15</v>
      </c>
      <c r="F32" s="2" t="s">
        <v>125</v>
      </c>
    </row>
    <row r="33" spans="1:16" x14ac:dyDescent="0.4">
      <c r="B33" s="2"/>
      <c r="D33" s="2"/>
      <c r="E33">
        <v>16</v>
      </c>
      <c r="F33" s="2" t="s">
        <v>126</v>
      </c>
    </row>
    <row r="36" spans="1:16" x14ac:dyDescent="0.4">
      <c r="A36" s="3" t="s">
        <v>111</v>
      </c>
      <c r="B36" s="4" t="s">
        <v>112</v>
      </c>
      <c r="C36" s="3" t="s">
        <v>113</v>
      </c>
      <c r="D36" s="4" t="s">
        <v>114</v>
      </c>
      <c r="E36" s="3" t="s">
        <v>115</v>
      </c>
      <c r="F36" s="4" t="s">
        <v>116</v>
      </c>
      <c r="G36" s="3" t="s">
        <v>117</v>
      </c>
      <c r="H36" s="4" t="s">
        <v>118</v>
      </c>
      <c r="I36" s="3" t="s">
        <v>119</v>
      </c>
      <c r="J36" s="4" t="s">
        <v>120</v>
      </c>
      <c r="K36" s="3" t="s">
        <v>121</v>
      </c>
      <c r="L36" s="4" t="s">
        <v>122</v>
      </c>
      <c r="M36" s="3" t="s">
        <v>123</v>
      </c>
      <c r="N36" s="4" t="s">
        <v>124</v>
      </c>
      <c r="O36" s="3" t="s">
        <v>125</v>
      </c>
      <c r="P36" s="4" t="s">
        <v>126</v>
      </c>
    </row>
    <row r="37" spans="1:16" x14ac:dyDescent="0.4">
      <c r="A37" s="3" t="s">
        <v>111</v>
      </c>
      <c r="B37" s="4" t="s">
        <v>112</v>
      </c>
      <c r="C37" s="3" t="s">
        <v>113</v>
      </c>
      <c r="D37" s="4" t="s">
        <v>114</v>
      </c>
      <c r="E37" s="3" t="s">
        <v>115</v>
      </c>
      <c r="F37" s="4" t="s">
        <v>116</v>
      </c>
      <c r="G37" s="3" t="s">
        <v>117</v>
      </c>
      <c r="H37" s="4" t="s">
        <v>118</v>
      </c>
      <c r="I37" s="3" t="s">
        <v>119</v>
      </c>
      <c r="J37" s="4" t="s">
        <v>120</v>
      </c>
      <c r="K37" s="3" t="s">
        <v>121</v>
      </c>
      <c r="L37" s="4" t="s">
        <v>122</v>
      </c>
      <c r="M37" s="3" t="s">
        <v>123</v>
      </c>
      <c r="N37" s="4" t="s">
        <v>124</v>
      </c>
      <c r="O37" s="3" t="s">
        <v>125</v>
      </c>
      <c r="P37" s="4" t="s">
        <v>126</v>
      </c>
    </row>
    <row r="38" spans="1:16" x14ac:dyDescent="0.4">
      <c r="A38" s="3" t="s">
        <v>111</v>
      </c>
      <c r="B38" s="4" t="s">
        <v>112</v>
      </c>
      <c r="C38" s="3" t="s">
        <v>113</v>
      </c>
      <c r="D38" s="4" t="s">
        <v>114</v>
      </c>
      <c r="E38" s="3" t="s">
        <v>115</v>
      </c>
      <c r="F38" s="4" t="s">
        <v>116</v>
      </c>
      <c r="G38" s="3" t="s">
        <v>117</v>
      </c>
      <c r="H38" s="4" t="s">
        <v>118</v>
      </c>
      <c r="I38" s="3" t="s">
        <v>119</v>
      </c>
      <c r="J38" s="4" t="s">
        <v>120</v>
      </c>
      <c r="K38" s="3" t="s">
        <v>121</v>
      </c>
      <c r="L38" s="4" t="s">
        <v>122</v>
      </c>
      <c r="M38" s="3" t="s">
        <v>123</v>
      </c>
      <c r="N38" s="4" t="s">
        <v>124</v>
      </c>
      <c r="O38" s="3" t="s">
        <v>125</v>
      </c>
      <c r="P38" s="4" t="s">
        <v>126</v>
      </c>
    </row>
    <row r="39" spans="1:16" x14ac:dyDescent="0.4">
      <c r="A39" s="3" t="s">
        <v>111</v>
      </c>
      <c r="B39" s="4" t="s">
        <v>112</v>
      </c>
      <c r="C39" s="3" t="s">
        <v>113</v>
      </c>
      <c r="D39" s="4" t="s">
        <v>114</v>
      </c>
      <c r="E39" s="3" t="s">
        <v>115</v>
      </c>
      <c r="F39" s="4" t="s">
        <v>116</v>
      </c>
      <c r="G39" s="3" t="s">
        <v>117</v>
      </c>
      <c r="H39" s="4" t="s">
        <v>118</v>
      </c>
      <c r="I39" s="3" t="s">
        <v>119</v>
      </c>
      <c r="J39" s="4" t="s">
        <v>120</v>
      </c>
      <c r="K39" s="3" t="s">
        <v>121</v>
      </c>
      <c r="L39" s="4" t="s">
        <v>122</v>
      </c>
      <c r="M39" s="3" t="s">
        <v>123</v>
      </c>
      <c r="N39" s="4" t="s">
        <v>124</v>
      </c>
      <c r="O39" s="3" t="s">
        <v>125</v>
      </c>
      <c r="P39" s="4" t="s">
        <v>126</v>
      </c>
    </row>
    <row r="40" spans="1:16" x14ac:dyDescent="0.4">
      <c r="A40" s="3" t="s">
        <v>111</v>
      </c>
      <c r="B40" s="4" t="s">
        <v>112</v>
      </c>
      <c r="C40" s="3" t="s">
        <v>113</v>
      </c>
      <c r="D40" s="4" t="s">
        <v>114</v>
      </c>
      <c r="E40" s="3" t="s">
        <v>115</v>
      </c>
      <c r="F40" s="4" t="s">
        <v>116</v>
      </c>
      <c r="G40" s="3" t="s">
        <v>117</v>
      </c>
      <c r="H40" s="4" t="s">
        <v>118</v>
      </c>
      <c r="I40" s="3" t="s">
        <v>119</v>
      </c>
      <c r="J40" s="4" t="s">
        <v>120</v>
      </c>
      <c r="K40" s="3" t="s">
        <v>121</v>
      </c>
      <c r="L40" s="4" t="s">
        <v>122</v>
      </c>
      <c r="M40" s="3" t="s">
        <v>123</v>
      </c>
      <c r="N40" s="4" t="s">
        <v>124</v>
      </c>
      <c r="O40" s="3" t="s">
        <v>125</v>
      </c>
      <c r="P40" s="4" t="s">
        <v>126</v>
      </c>
    </row>
    <row r="41" spans="1:16" x14ac:dyDescent="0.4">
      <c r="A41" s="3" t="s">
        <v>111</v>
      </c>
      <c r="B41" s="4" t="s">
        <v>112</v>
      </c>
      <c r="C41" s="3" t="s">
        <v>113</v>
      </c>
      <c r="D41" s="4" t="s">
        <v>114</v>
      </c>
      <c r="E41" s="3" t="s">
        <v>115</v>
      </c>
      <c r="F41" s="4" t="s">
        <v>116</v>
      </c>
      <c r="G41" s="3" t="s">
        <v>117</v>
      </c>
      <c r="H41" s="4" t="s">
        <v>118</v>
      </c>
      <c r="I41" s="3" t="s">
        <v>119</v>
      </c>
      <c r="J41" s="4" t="s">
        <v>120</v>
      </c>
      <c r="K41" s="3" t="s">
        <v>121</v>
      </c>
      <c r="L41" s="4" t="s">
        <v>122</v>
      </c>
      <c r="M41" s="3" t="s">
        <v>123</v>
      </c>
      <c r="N41" s="4" t="s">
        <v>124</v>
      </c>
      <c r="O41" s="3" t="s">
        <v>125</v>
      </c>
      <c r="P41" s="4" t="s">
        <v>126</v>
      </c>
    </row>
    <row r="42" spans="1:16" x14ac:dyDescent="0.4">
      <c r="A42" s="3" t="s">
        <v>111</v>
      </c>
      <c r="B42" s="4" t="s">
        <v>112</v>
      </c>
      <c r="C42" s="3" t="s">
        <v>113</v>
      </c>
      <c r="D42" s="4" t="s">
        <v>114</v>
      </c>
      <c r="E42" s="3" t="s">
        <v>115</v>
      </c>
      <c r="F42" s="4" t="s">
        <v>116</v>
      </c>
      <c r="G42" s="3" t="s">
        <v>117</v>
      </c>
      <c r="H42" s="4" t="s">
        <v>118</v>
      </c>
      <c r="I42" s="3" t="s">
        <v>119</v>
      </c>
      <c r="J42" s="4" t="s">
        <v>120</v>
      </c>
      <c r="K42" s="3" t="s">
        <v>121</v>
      </c>
      <c r="L42" s="4" t="s">
        <v>122</v>
      </c>
      <c r="M42" s="3" t="s">
        <v>123</v>
      </c>
      <c r="N42" s="4" t="s">
        <v>124</v>
      </c>
      <c r="O42" s="3" t="s">
        <v>125</v>
      </c>
      <c r="P42" s="4" t="s">
        <v>126</v>
      </c>
    </row>
    <row r="43" spans="1:16" x14ac:dyDescent="0.4">
      <c r="A43" s="3" t="s">
        <v>111</v>
      </c>
      <c r="B43" s="4" t="s">
        <v>112</v>
      </c>
      <c r="C43" s="3" t="s">
        <v>113</v>
      </c>
      <c r="D43" s="4" t="s">
        <v>114</v>
      </c>
      <c r="E43" s="3" t="s">
        <v>115</v>
      </c>
      <c r="F43" s="4" t="s">
        <v>116</v>
      </c>
      <c r="G43" s="3" t="s">
        <v>117</v>
      </c>
      <c r="H43" s="4" t="s">
        <v>118</v>
      </c>
      <c r="I43" s="3" t="s">
        <v>119</v>
      </c>
      <c r="J43" s="4" t="s">
        <v>120</v>
      </c>
      <c r="K43" s="3" t="s">
        <v>121</v>
      </c>
      <c r="L43" s="4" t="s">
        <v>122</v>
      </c>
      <c r="M43" s="3" t="s">
        <v>123</v>
      </c>
      <c r="N43" s="4" t="s">
        <v>124</v>
      </c>
      <c r="O43" s="3" t="s">
        <v>125</v>
      </c>
      <c r="P43" s="4" t="s">
        <v>126</v>
      </c>
    </row>
    <row r="44" spans="1:16" x14ac:dyDescent="0.4">
      <c r="A44" s="3" t="s">
        <v>111</v>
      </c>
      <c r="B44" s="4" t="s">
        <v>112</v>
      </c>
      <c r="C44" s="3" t="s">
        <v>113</v>
      </c>
      <c r="D44" s="4" t="s">
        <v>114</v>
      </c>
      <c r="E44" s="3" t="s">
        <v>115</v>
      </c>
      <c r="F44" s="4" t="s">
        <v>116</v>
      </c>
      <c r="G44" s="3" t="s">
        <v>117</v>
      </c>
      <c r="H44" s="4" t="s">
        <v>118</v>
      </c>
      <c r="I44" s="3" t="s">
        <v>119</v>
      </c>
      <c r="J44" s="4" t="s">
        <v>120</v>
      </c>
      <c r="K44" s="3" t="s">
        <v>121</v>
      </c>
      <c r="L44" s="4" t="s">
        <v>122</v>
      </c>
      <c r="M44" s="3" t="s">
        <v>123</v>
      </c>
      <c r="N44" s="4" t="s">
        <v>124</v>
      </c>
      <c r="O44" s="3" t="s">
        <v>125</v>
      </c>
      <c r="P44" s="4" t="s">
        <v>126</v>
      </c>
    </row>
    <row r="45" spans="1:16" x14ac:dyDescent="0.4">
      <c r="A45" s="3" t="s">
        <v>111</v>
      </c>
      <c r="B45" s="4" t="s">
        <v>112</v>
      </c>
      <c r="C45" s="3" t="s">
        <v>113</v>
      </c>
      <c r="D45" s="4" t="s">
        <v>114</v>
      </c>
      <c r="E45" s="3" t="s">
        <v>115</v>
      </c>
      <c r="F45" s="4" t="s">
        <v>116</v>
      </c>
      <c r="G45" s="3" t="s">
        <v>117</v>
      </c>
      <c r="H45" s="4" t="s">
        <v>118</v>
      </c>
      <c r="I45" s="3" t="s">
        <v>119</v>
      </c>
      <c r="J45" s="4" t="s">
        <v>120</v>
      </c>
      <c r="K45" s="3" t="s">
        <v>121</v>
      </c>
      <c r="L45" s="4" t="s">
        <v>122</v>
      </c>
      <c r="M45" s="3" t="s">
        <v>123</v>
      </c>
      <c r="N45" s="4" t="s">
        <v>124</v>
      </c>
      <c r="O45" s="3" t="s">
        <v>125</v>
      </c>
      <c r="P45" s="4" t="s">
        <v>126</v>
      </c>
    </row>
    <row r="46" spans="1:16" x14ac:dyDescent="0.4">
      <c r="A46" s="3" t="s">
        <v>111</v>
      </c>
      <c r="B46" s="4" t="s">
        <v>112</v>
      </c>
      <c r="C46" s="3" t="s">
        <v>113</v>
      </c>
      <c r="D46" s="4" t="s">
        <v>114</v>
      </c>
      <c r="E46" s="3" t="s">
        <v>115</v>
      </c>
      <c r="F46" s="4" t="s">
        <v>116</v>
      </c>
      <c r="G46" s="3" t="s">
        <v>117</v>
      </c>
      <c r="H46" s="4" t="s">
        <v>118</v>
      </c>
      <c r="I46" s="3" t="s">
        <v>119</v>
      </c>
      <c r="J46" s="4" t="s">
        <v>120</v>
      </c>
      <c r="K46" s="3" t="s">
        <v>121</v>
      </c>
      <c r="L46" s="4" t="s">
        <v>122</v>
      </c>
      <c r="M46" s="3" t="s">
        <v>123</v>
      </c>
      <c r="N46" s="4" t="s">
        <v>124</v>
      </c>
      <c r="O46" s="3" t="s">
        <v>125</v>
      </c>
      <c r="P46" s="4" t="s">
        <v>126</v>
      </c>
    </row>
    <row r="47" spans="1:16" x14ac:dyDescent="0.4">
      <c r="A47" s="3" t="s">
        <v>111</v>
      </c>
      <c r="B47" s="4" t="s">
        <v>112</v>
      </c>
      <c r="C47" s="3" t="s">
        <v>113</v>
      </c>
      <c r="D47" s="4" t="s">
        <v>114</v>
      </c>
      <c r="E47" s="3" t="s">
        <v>115</v>
      </c>
      <c r="F47" s="4" t="s">
        <v>116</v>
      </c>
      <c r="G47" s="3" t="s">
        <v>117</v>
      </c>
      <c r="H47" s="4" t="s">
        <v>118</v>
      </c>
      <c r="I47" s="3" t="s">
        <v>119</v>
      </c>
      <c r="J47" s="4" t="s">
        <v>120</v>
      </c>
      <c r="K47" s="3" t="s">
        <v>121</v>
      </c>
      <c r="L47" s="4" t="s">
        <v>122</v>
      </c>
      <c r="M47" s="3" t="s">
        <v>123</v>
      </c>
      <c r="N47" s="4" t="s">
        <v>124</v>
      </c>
      <c r="O47" s="3" t="s">
        <v>125</v>
      </c>
      <c r="P47" s="4" t="s">
        <v>126</v>
      </c>
    </row>
    <row r="48" spans="1:16" x14ac:dyDescent="0.4">
      <c r="A48" s="3" t="s">
        <v>111</v>
      </c>
      <c r="B48" s="4" t="s">
        <v>112</v>
      </c>
      <c r="C48" s="3" t="s">
        <v>113</v>
      </c>
      <c r="D48" s="4" t="s">
        <v>114</v>
      </c>
      <c r="E48" s="3" t="s">
        <v>115</v>
      </c>
      <c r="F48" s="4" t="s">
        <v>116</v>
      </c>
      <c r="G48" s="3" t="s">
        <v>117</v>
      </c>
      <c r="H48" s="4" t="s">
        <v>118</v>
      </c>
      <c r="I48" s="3" t="s">
        <v>119</v>
      </c>
      <c r="J48" s="4" t="s">
        <v>120</v>
      </c>
      <c r="K48" s="3" t="s">
        <v>121</v>
      </c>
      <c r="L48" s="4" t="s">
        <v>122</v>
      </c>
      <c r="M48" s="3" t="s">
        <v>123</v>
      </c>
      <c r="N48" s="4" t="s">
        <v>124</v>
      </c>
      <c r="O48" s="3" t="s">
        <v>125</v>
      </c>
      <c r="P48" s="4" t="s">
        <v>126</v>
      </c>
    </row>
    <row r="49" spans="1:16" x14ac:dyDescent="0.4">
      <c r="A49" s="3" t="s">
        <v>111</v>
      </c>
      <c r="B49" s="4" t="s">
        <v>112</v>
      </c>
      <c r="C49" s="3" t="s">
        <v>113</v>
      </c>
      <c r="D49" s="4" t="s">
        <v>114</v>
      </c>
      <c r="E49" s="3" t="s">
        <v>115</v>
      </c>
      <c r="F49" s="4" t="s">
        <v>116</v>
      </c>
      <c r="G49" s="3" t="s">
        <v>117</v>
      </c>
      <c r="H49" s="4" t="s">
        <v>118</v>
      </c>
      <c r="I49" s="3" t="s">
        <v>119</v>
      </c>
      <c r="J49" s="4" t="s">
        <v>120</v>
      </c>
      <c r="K49" s="3" t="s">
        <v>121</v>
      </c>
      <c r="L49" s="4" t="s">
        <v>122</v>
      </c>
      <c r="M49" s="3" t="s">
        <v>123</v>
      </c>
      <c r="N49" s="4" t="s">
        <v>124</v>
      </c>
      <c r="O49" s="3" t="s">
        <v>125</v>
      </c>
      <c r="P49" s="4" t="s">
        <v>126</v>
      </c>
    </row>
    <row r="50" spans="1:16" x14ac:dyDescent="0.4">
      <c r="A50" s="3" t="s">
        <v>111</v>
      </c>
      <c r="B50" s="4" t="s">
        <v>112</v>
      </c>
      <c r="C50" s="3" t="s">
        <v>113</v>
      </c>
      <c r="D50" s="4" t="s">
        <v>114</v>
      </c>
      <c r="E50" s="3" t="s">
        <v>115</v>
      </c>
      <c r="F50" s="4" t="s">
        <v>116</v>
      </c>
      <c r="G50" s="3" t="s">
        <v>117</v>
      </c>
      <c r="H50" s="4" t="s">
        <v>118</v>
      </c>
      <c r="I50" s="3" t="s">
        <v>119</v>
      </c>
      <c r="J50" s="4" t="s">
        <v>120</v>
      </c>
      <c r="K50" s="3" t="s">
        <v>121</v>
      </c>
      <c r="L50" s="4" t="s">
        <v>122</v>
      </c>
      <c r="M50" s="3" t="s">
        <v>123</v>
      </c>
      <c r="N50" s="4" t="s">
        <v>124</v>
      </c>
      <c r="O50" s="3" t="s">
        <v>125</v>
      </c>
      <c r="P50" s="4" t="s">
        <v>126</v>
      </c>
    </row>
    <row r="51" spans="1:16" x14ac:dyDescent="0.4">
      <c r="A51" s="3" t="s">
        <v>111</v>
      </c>
      <c r="B51" s="4" t="s">
        <v>112</v>
      </c>
      <c r="C51" s="3" t="s">
        <v>113</v>
      </c>
      <c r="D51" s="4" t="s">
        <v>114</v>
      </c>
      <c r="E51" s="3" t="s">
        <v>115</v>
      </c>
      <c r="F51" s="4" t="s">
        <v>116</v>
      </c>
      <c r="G51" s="3" t="s">
        <v>117</v>
      </c>
      <c r="H51" s="4" t="s">
        <v>118</v>
      </c>
      <c r="I51" s="3" t="s">
        <v>119</v>
      </c>
      <c r="J51" s="4" t="s">
        <v>120</v>
      </c>
      <c r="K51" s="3" t="s">
        <v>121</v>
      </c>
      <c r="L51" s="4" t="s">
        <v>122</v>
      </c>
      <c r="M51" s="3" t="s">
        <v>123</v>
      </c>
      <c r="N51" s="4" t="s">
        <v>124</v>
      </c>
      <c r="O51" s="3" t="s">
        <v>125</v>
      </c>
      <c r="P51" s="4" t="s">
        <v>126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StayingCorrect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3T02:41:00Z</dcterms:created>
  <dcterms:modified xsi:type="dcterms:W3CDTF">2024-02-26T05:16:27Z</dcterms:modified>
</cp:coreProperties>
</file>